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1\HP2401\"/>
    </mc:Choice>
  </mc:AlternateContent>
  <xr:revisionPtr revIDLastSave="0" documentId="8_{DB4D9E5B-6301-4C83-BFDF-F68BE5290F3A}" xr6:coauthVersionLast="47" xr6:coauthVersionMax="47" xr10:uidLastSave="{00000000-0000-0000-0000-000000000000}"/>
  <bookViews>
    <workbookView xWindow="-108" yWindow="-108" windowWidth="23256" windowHeight="12576" xr2:uid="{CD62C8D8-3FAE-42B0-9CDC-6F12224D8C8E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1" uniqueCount="34">
  <si>
    <t>富山市の人口</t>
    <phoneticPr fontId="2"/>
  </si>
  <si>
    <t>住民基本台帳人口</t>
  </si>
  <si>
    <t>令和　　6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６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CCBADD40-6E19-4842-B433-99D10759175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F3E31D-CF62-42BA-BF75-4F99D26129AC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5195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6093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8156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7937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3</v>
      </c>
      <c r="C18" s="50">
        <v>97</v>
      </c>
      <c r="D18" s="51">
        <v>210</v>
      </c>
      <c r="E18" s="50">
        <v>323</v>
      </c>
      <c r="F18" s="50">
        <v>256</v>
      </c>
      <c r="G18" s="51">
        <v>579</v>
      </c>
      <c r="H18" s="51">
        <v>-369</v>
      </c>
      <c r="I18" s="50">
        <v>280</v>
      </c>
      <c r="J18" s="50">
        <v>101</v>
      </c>
      <c r="K18" s="50">
        <v>102</v>
      </c>
      <c r="L18" s="51">
        <v>203</v>
      </c>
      <c r="M18" s="50">
        <v>419</v>
      </c>
      <c r="N18" s="50">
        <v>350</v>
      </c>
      <c r="O18" s="50">
        <v>188</v>
      </c>
      <c r="P18" s="51">
        <v>538</v>
      </c>
      <c r="Q18" s="51">
        <v>741</v>
      </c>
      <c r="R18" s="50">
        <v>456</v>
      </c>
      <c r="S18" s="50">
        <v>122</v>
      </c>
      <c r="T18" s="50">
        <v>87</v>
      </c>
      <c r="U18" s="51">
        <v>209</v>
      </c>
      <c r="V18" s="50">
        <v>346</v>
      </c>
      <c r="W18" s="50">
        <v>331</v>
      </c>
      <c r="X18" s="50">
        <v>222</v>
      </c>
      <c r="Y18" s="51">
        <v>553</v>
      </c>
      <c r="Z18" s="51">
        <v>762</v>
      </c>
      <c r="AA18" s="51">
        <v>-21</v>
      </c>
      <c r="AB18" s="51">
        <v>-390</v>
      </c>
      <c r="AC18" s="52">
        <v>185195</v>
      </c>
      <c r="AD18" s="52">
        <v>198156</v>
      </c>
      <c r="AE18" s="52">
        <v>207937</v>
      </c>
      <c r="AF18" s="53">
        <v>406093</v>
      </c>
    </row>
    <row r="19" spans="1:32" ht="20.100000000000001" customHeight="1" x14ac:dyDescent="0.2">
      <c r="A19" s="54">
        <v>2</v>
      </c>
      <c r="B19" s="55"/>
      <c r="C19" s="55"/>
      <c r="D19" s="56">
        <v>0</v>
      </c>
      <c r="E19" s="55"/>
      <c r="F19" s="55"/>
      <c r="G19" s="56">
        <v>0</v>
      </c>
      <c r="H19" s="56">
        <v>0</v>
      </c>
      <c r="I19" s="55"/>
      <c r="J19" s="55"/>
      <c r="K19" s="55"/>
      <c r="L19" s="56">
        <v>0</v>
      </c>
      <c r="M19" s="55"/>
      <c r="N19" s="55"/>
      <c r="O19" s="55"/>
      <c r="P19" s="56">
        <v>0</v>
      </c>
      <c r="Q19" s="56">
        <v>0</v>
      </c>
      <c r="R19" s="55"/>
      <c r="S19" s="55"/>
      <c r="T19" s="55"/>
      <c r="U19" s="56">
        <v>0</v>
      </c>
      <c r="V19" s="55"/>
      <c r="W19" s="55"/>
      <c r="X19" s="55"/>
      <c r="Y19" s="56">
        <v>0</v>
      </c>
      <c r="Z19" s="56">
        <v>0</v>
      </c>
      <c r="AA19" s="56">
        <v>0</v>
      </c>
      <c r="AB19" s="56">
        <v>0</v>
      </c>
      <c r="AC19" s="57" t="s">
        <v>29</v>
      </c>
      <c r="AD19" s="57" t="s">
        <v>29</v>
      </c>
      <c r="AE19" s="57" t="s">
        <v>29</v>
      </c>
      <c r="AF19" s="58">
        <v>0</v>
      </c>
    </row>
    <row r="20" spans="1:32" ht="20.100000000000001" customHeight="1" x14ac:dyDescent="0.2">
      <c r="A20" s="54">
        <v>3</v>
      </c>
      <c r="B20" s="55"/>
      <c r="C20" s="55"/>
      <c r="D20" s="56">
        <v>0</v>
      </c>
      <c r="E20" s="55"/>
      <c r="F20" s="55"/>
      <c r="G20" s="56">
        <v>0</v>
      </c>
      <c r="H20" s="56">
        <v>0</v>
      </c>
      <c r="I20" s="55"/>
      <c r="J20" s="55"/>
      <c r="K20" s="55"/>
      <c r="L20" s="56">
        <v>0</v>
      </c>
      <c r="M20" s="55"/>
      <c r="N20" s="55"/>
      <c r="O20" s="55"/>
      <c r="P20" s="56">
        <v>0</v>
      </c>
      <c r="Q20" s="56">
        <v>0</v>
      </c>
      <c r="R20" s="55"/>
      <c r="S20" s="55"/>
      <c r="T20" s="55"/>
      <c r="U20" s="56">
        <v>0</v>
      </c>
      <c r="V20" s="55"/>
      <c r="W20" s="55"/>
      <c r="X20" s="55"/>
      <c r="Y20" s="56">
        <v>0</v>
      </c>
      <c r="Z20" s="56">
        <v>0</v>
      </c>
      <c r="AA20" s="56">
        <v>0</v>
      </c>
      <c r="AB20" s="56">
        <v>0</v>
      </c>
      <c r="AC20" s="57" t="s">
        <v>29</v>
      </c>
      <c r="AD20" s="57" t="s">
        <v>29</v>
      </c>
      <c r="AE20" s="57" t="s">
        <v>29</v>
      </c>
      <c r="AF20" s="58">
        <v>0</v>
      </c>
    </row>
    <row r="21" spans="1:32" ht="20.100000000000001" customHeight="1" x14ac:dyDescent="0.2">
      <c r="A21" s="54">
        <v>4</v>
      </c>
      <c r="B21" s="55"/>
      <c r="C21" s="55"/>
      <c r="D21" s="56">
        <v>0</v>
      </c>
      <c r="E21" s="55"/>
      <c r="F21" s="55"/>
      <c r="G21" s="56">
        <v>0</v>
      </c>
      <c r="H21" s="56">
        <v>0</v>
      </c>
      <c r="I21" s="55"/>
      <c r="J21" s="55"/>
      <c r="K21" s="55"/>
      <c r="L21" s="56">
        <v>0</v>
      </c>
      <c r="M21" s="55"/>
      <c r="N21" s="55"/>
      <c r="O21" s="55"/>
      <c r="P21" s="56">
        <v>0</v>
      </c>
      <c r="Q21" s="56">
        <v>0</v>
      </c>
      <c r="R21" s="55"/>
      <c r="S21" s="55"/>
      <c r="T21" s="55"/>
      <c r="U21" s="56">
        <v>0</v>
      </c>
      <c r="V21" s="55"/>
      <c r="W21" s="55"/>
      <c r="X21" s="55"/>
      <c r="Y21" s="56">
        <v>0</v>
      </c>
      <c r="Z21" s="56">
        <v>0</v>
      </c>
      <c r="AA21" s="56">
        <v>0</v>
      </c>
      <c r="AB21" s="56">
        <v>0</v>
      </c>
      <c r="AC21" s="57" t="s">
        <v>29</v>
      </c>
      <c r="AD21" s="57" t="s">
        <v>29</v>
      </c>
      <c r="AE21" s="57" t="s">
        <v>29</v>
      </c>
      <c r="AF21" s="58">
        <v>0</v>
      </c>
    </row>
    <row r="22" spans="1:32" ht="20.100000000000001" customHeight="1" x14ac:dyDescent="0.2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 x14ac:dyDescent="0.2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113</v>
      </c>
      <c r="C30" s="70">
        <v>97</v>
      </c>
      <c r="D30" s="70">
        <v>210</v>
      </c>
      <c r="E30" s="70">
        <v>323</v>
      </c>
      <c r="F30" s="70">
        <v>256</v>
      </c>
      <c r="G30" s="70">
        <v>579</v>
      </c>
      <c r="H30" s="70">
        <v>-369</v>
      </c>
      <c r="I30" s="70">
        <v>280</v>
      </c>
      <c r="J30" s="70">
        <v>101</v>
      </c>
      <c r="K30" s="70">
        <v>102</v>
      </c>
      <c r="L30" s="70">
        <v>203</v>
      </c>
      <c r="M30" s="70">
        <v>419</v>
      </c>
      <c r="N30" s="70">
        <v>350</v>
      </c>
      <c r="O30" s="70">
        <v>188</v>
      </c>
      <c r="P30" s="70">
        <v>538</v>
      </c>
      <c r="Q30" s="70">
        <v>741</v>
      </c>
      <c r="R30" s="70">
        <v>456</v>
      </c>
      <c r="S30" s="70">
        <v>122</v>
      </c>
      <c r="T30" s="70">
        <v>87</v>
      </c>
      <c r="U30" s="70">
        <v>209</v>
      </c>
      <c r="V30" s="70">
        <v>346</v>
      </c>
      <c r="W30" s="70">
        <v>331</v>
      </c>
      <c r="X30" s="70">
        <v>222</v>
      </c>
      <c r="Y30" s="70">
        <v>553</v>
      </c>
      <c r="Z30" s="70">
        <v>762</v>
      </c>
      <c r="AA30" s="70">
        <v>-21</v>
      </c>
      <c r="AB30" s="70">
        <v>-390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2-02T01:44:56Z</dcterms:created>
  <dcterms:modified xsi:type="dcterms:W3CDTF">2024-02-02T01:44:56Z</dcterms:modified>
</cp:coreProperties>
</file>